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lar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986E67CE-A997-1637-B8BD-2E6C43C9452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055688" y="4798668"/>
            <a:ext cx="1972566" cy="187393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A79C1558-45DB-A454-0D3D-57B82155883C}"/>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6854" y="3873862"/>
            <a:ext cx="1504289" cy="142907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7-02T07:32:27Z</dcterms:modified>
</cp:coreProperties>
</file>